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7" sheetId="7" r:id="rId1"/>
  </sheets>
  <calcPr calcId="152511"/>
</workbook>
</file>

<file path=xl/calcChain.xml><?xml version="1.0" encoding="utf-8"?>
<calcChain xmlns="http://schemas.openxmlformats.org/spreadsheetml/2006/main">
  <c r="Y21" i="7" l="1"/>
  <c r="U21" i="7"/>
  <c r="Q21" i="7"/>
  <c r="M21" i="7"/>
  <c r="I21" i="7"/>
  <c r="Y19" i="7"/>
  <c r="U19" i="7"/>
  <c r="Q19" i="7"/>
  <c r="M19" i="7"/>
  <c r="I19" i="7"/>
  <c r="Y20" i="7"/>
  <c r="U20" i="7"/>
  <c r="Q20" i="7"/>
  <c r="M20" i="7"/>
  <c r="I20" i="7"/>
  <c r="Y18" i="7"/>
  <c r="U18" i="7"/>
  <c r="Q18" i="7"/>
  <c r="M18" i="7"/>
  <c r="I18" i="7"/>
  <c r="I9" i="7"/>
  <c r="M17" i="7"/>
  <c r="U17" i="7"/>
  <c r="Y17" i="7"/>
  <c r="Q17" i="7"/>
  <c r="I17" i="7"/>
  <c r="Y16" i="7"/>
  <c r="U16" i="7"/>
  <c r="Q16" i="7"/>
  <c r="M16" i="7"/>
  <c r="I16" i="7"/>
  <c r="Y15" i="7"/>
  <c r="U15" i="7"/>
  <c r="Q15" i="7"/>
  <c r="M15" i="7"/>
  <c r="M14" i="7"/>
  <c r="I15" i="7"/>
  <c r="Y4" i="7"/>
  <c r="Y5" i="7"/>
  <c r="Y6" i="7"/>
  <c r="Y7" i="7"/>
  <c r="Y8" i="7"/>
  <c r="Y9" i="7"/>
  <c r="Y10" i="7"/>
  <c r="Y11" i="7"/>
  <c r="Y12" i="7"/>
  <c r="Y13" i="7"/>
  <c r="U4" i="7"/>
  <c r="U5" i="7"/>
  <c r="U6" i="7"/>
  <c r="U7" i="7"/>
  <c r="U8" i="7"/>
  <c r="U9" i="7"/>
  <c r="U10" i="7"/>
  <c r="U11" i="7"/>
  <c r="U12" i="7"/>
  <c r="U13" i="7"/>
  <c r="Q4" i="7"/>
  <c r="Q5" i="7"/>
  <c r="Q6" i="7"/>
  <c r="Q7" i="7"/>
  <c r="Q8" i="7"/>
  <c r="Q9" i="7"/>
  <c r="Q10" i="7"/>
  <c r="Q11" i="7"/>
  <c r="M13" i="7"/>
  <c r="M5" i="7"/>
  <c r="M6" i="7"/>
  <c r="M7" i="7"/>
  <c r="M8" i="7"/>
  <c r="M9" i="7"/>
  <c r="M4" i="7"/>
  <c r="I7" i="7"/>
  <c r="I4" i="7"/>
  <c r="I5" i="7"/>
  <c r="I6" i="7"/>
  <c r="I8" i="7"/>
  <c r="Q14" i="7"/>
  <c r="Y14" i="7"/>
  <c r="U14" i="7"/>
  <c r="I14" i="7"/>
  <c r="Q13" i="7"/>
  <c r="I13" i="7"/>
  <c r="I12" i="7"/>
  <c r="Q12" i="7"/>
  <c r="I11" i="7"/>
  <c r="I10" i="7"/>
</calcChain>
</file>

<file path=xl/sharedStrings.xml><?xml version="1.0" encoding="utf-8"?>
<sst xmlns="http://schemas.openxmlformats.org/spreadsheetml/2006/main" count="37" uniqueCount="18">
  <si>
    <t>注1）就職進学者は進学者に含まれる。</t>
    <rPh sb="0" eb="1">
      <t>チュウ</t>
    </rPh>
    <rPh sb="3" eb="5">
      <t>シュウショク</t>
    </rPh>
    <rPh sb="5" eb="8">
      <t>シンガクシャ</t>
    </rPh>
    <rPh sb="9" eb="12">
      <t>シンガクシャ</t>
    </rPh>
    <rPh sb="13" eb="14">
      <t>フク</t>
    </rPh>
    <phoneticPr fontId="2"/>
  </si>
  <si>
    <t>注2）教育訓練機関等入学者には就職して入学した者も含まれる。</t>
    <rPh sb="0" eb="1">
      <t>チュウ</t>
    </rPh>
    <rPh sb="3" eb="5">
      <t>キョウイク</t>
    </rPh>
    <rPh sb="5" eb="7">
      <t>クンレン</t>
    </rPh>
    <rPh sb="7" eb="10">
      <t>キカンナド</t>
    </rPh>
    <rPh sb="10" eb="13">
      <t>ニュウガクシャ</t>
    </rPh>
    <rPh sb="15" eb="17">
      <t>シュウショク</t>
    </rPh>
    <rPh sb="19" eb="21">
      <t>ニュウガク</t>
    </rPh>
    <rPh sb="23" eb="24">
      <t>モノ</t>
    </rPh>
    <rPh sb="25" eb="26">
      <t>フク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2"/>
  </si>
  <si>
    <t>計</t>
    <rPh sb="0" eb="1">
      <t>ケイ</t>
    </rPh>
    <phoneticPr fontId="2"/>
  </si>
  <si>
    <t>－中学校－</t>
    <rPh sb="1" eb="4">
      <t>チュウガッコウ</t>
    </rPh>
    <phoneticPr fontId="2"/>
  </si>
  <si>
    <t>率</t>
    <rPh sb="0" eb="1">
      <t>リツ</t>
    </rPh>
    <phoneticPr fontId="2"/>
  </si>
  <si>
    <t>卒業者総数</t>
    <rPh sb="0" eb="3">
      <t>ソツギョウシャ</t>
    </rPh>
    <rPh sb="3" eb="5">
      <t>ソウスウ</t>
    </rPh>
    <phoneticPr fontId="2"/>
  </si>
  <si>
    <t>進学者</t>
    <rPh sb="0" eb="3">
      <t>シンガクシャ</t>
    </rPh>
    <phoneticPr fontId="2"/>
  </si>
  <si>
    <t>教育訓練機関等入学者</t>
    <rPh sb="0" eb="2">
      <t>キョウイク</t>
    </rPh>
    <rPh sb="2" eb="4">
      <t>クンレン</t>
    </rPh>
    <rPh sb="4" eb="6">
      <t>キカン</t>
    </rPh>
    <rPh sb="6" eb="7">
      <t>トウ</t>
    </rPh>
    <rPh sb="7" eb="10">
      <t>ニュウガクシャ</t>
    </rPh>
    <phoneticPr fontId="2"/>
  </si>
  <si>
    <t>就職者</t>
    <rPh sb="0" eb="3">
      <t>シュウショクシャ</t>
    </rPh>
    <phoneticPr fontId="2"/>
  </si>
  <si>
    <t>（単位：人，％）</t>
    <rPh sb="1" eb="3">
      <t>タンイ</t>
    </rPh>
    <rPh sb="4" eb="5">
      <t>ヒト</t>
    </rPh>
    <phoneticPr fontId="2"/>
  </si>
  <si>
    <t>20-7  進路別卒業者数（公立・私立）</t>
    <rPh sb="6" eb="8">
      <t>シンロ</t>
    </rPh>
    <rPh sb="8" eb="9">
      <t>ベツ</t>
    </rPh>
    <rPh sb="9" eb="12">
      <t>ソツギョウシャ</t>
    </rPh>
    <rPh sb="12" eb="13">
      <t>カズ</t>
    </rPh>
    <rPh sb="14" eb="16">
      <t>コウリツ</t>
    </rPh>
    <rPh sb="17" eb="19">
      <t>シリツ</t>
    </rPh>
    <phoneticPr fontId="2"/>
  </si>
  <si>
    <t>左記以外の者</t>
    <rPh sb="0" eb="2">
      <t>サキ</t>
    </rPh>
    <rPh sb="2" eb="4">
      <t>イガイ</t>
    </rPh>
    <rPh sb="5" eb="6">
      <t>モノ</t>
    </rPh>
    <phoneticPr fontId="2"/>
  </si>
  <si>
    <t>その他（不詳・死亡）</t>
    <rPh sb="2" eb="3">
      <t>タ</t>
    </rPh>
    <rPh sb="7" eb="9">
      <t>シボウ</t>
    </rPh>
    <phoneticPr fontId="2"/>
  </si>
  <si>
    <t>区分</t>
    <rPh sb="0" eb="2">
      <t>クブン</t>
    </rPh>
    <phoneticPr fontId="2"/>
  </si>
  <si>
    <t>平成14年3月</t>
    <rPh sb="0" eb="2">
      <t>ヘイセイ</t>
    </rPh>
    <rPh sb="4" eb="5">
      <t>ネン</t>
    </rPh>
    <rPh sb="6" eb="7">
      <t>ガ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.0_ ;[Red]\-#,##0.0\ "/>
    <numFmt numFmtId="177" formatCode="#,##0.00_ ;[Red]\-#,##0.00\ "/>
    <numFmt numFmtId="178" formatCode="0.0_ "/>
  </numFmts>
  <fonts count="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1"/>
      <name val="明朝"/>
      <family val="3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3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49" fontId="3" fillId="0" borderId="0" xfId="0" applyNumberFormat="1" applyFont="1"/>
    <xf numFmtId="0" fontId="4" fillId="0" borderId="0" xfId="0" applyFont="1" applyAlignment="1">
      <alignment horizontal="right"/>
    </xf>
    <xf numFmtId="38" fontId="4" fillId="0" borderId="0" xfId="1" applyFont="1" applyAlignment="1">
      <alignment horizontal="right" vertical="center"/>
    </xf>
    <xf numFmtId="176" fontId="4" fillId="0" borderId="0" xfId="1" applyNumberFormat="1" applyFont="1" applyAlignment="1">
      <alignment horizontal="right" vertical="center"/>
    </xf>
    <xf numFmtId="177" fontId="4" fillId="0" borderId="0" xfId="1" applyNumberFormat="1" applyFont="1" applyAlignment="1">
      <alignment horizontal="right" vertical="center"/>
    </xf>
    <xf numFmtId="178" fontId="4" fillId="0" borderId="0" xfId="1" applyNumberFormat="1" applyFont="1" applyAlignment="1">
      <alignment horizontal="right" vertical="center"/>
    </xf>
    <xf numFmtId="0" fontId="4" fillId="0" borderId="0" xfId="0" applyFont="1"/>
    <xf numFmtId="0" fontId="4" fillId="0" borderId="0" xfId="0" applyFont="1" applyBorder="1" applyAlignment="1">
      <alignment horizontal="right" vertical="center"/>
    </xf>
    <xf numFmtId="178" fontId="4" fillId="0" borderId="0" xfId="1" applyNumberFormat="1" applyFont="1" applyBorder="1" applyAlignment="1">
      <alignment horizontal="right" vertical="center"/>
    </xf>
    <xf numFmtId="38" fontId="4" fillId="0" borderId="0" xfId="1" applyFont="1" applyBorder="1" applyAlignment="1">
      <alignment horizontal="right" vertical="center"/>
    </xf>
    <xf numFmtId="176" fontId="4" fillId="0" borderId="0" xfId="1" applyNumberFormat="1" applyFont="1" applyBorder="1" applyAlignment="1">
      <alignment horizontal="right" vertical="center"/>
    </xf>
    <xf numFmtId="0" fontId="4" fillId="0" borderId="0" xfId="0" applyFont="1" applyBorder="1"/>
    <xf numFmtId="0" fontId="6" fillId="0" borderId="0" xfId="0" applyFont="1" applyAlignment="1">
      <alignment vertical="center"/>
    </xf>
    <xf numFmtId="0" fontId="6" fillId="0" borderId="0" xfId="0" applyFont="1"/>
    <xf numFmtId="3" fontId="4" fillId="0" borderId="0" xfId="0" applyNumberFormat="1" applyFont="1" applyBorder="1" applyAlignment="1">
      <alignment horizontal="right" vertical="center"/>
    </xf>
    <xf numFmtId="0" fontId="6" fillId="0" borderId="0" xfId="0" applyFont="1" applyBorder="1" applyAlignment="1">
      <alignment vertical="center"/>
    </xf>
    <xf numFmtId="178" fontId="6" fillId="0" borderId="0" xfId="0" applyNumberFormat="1" applyFont="1"/>
    <xf numFmtId="3" fontId="6" fillId="0" borderId="0" xfId="0" applyNumberFormat="1" applyFont="1" applyAlignment="1">
      <alignment vertical="center"/>
    </xf>
    <xf numFmtId="0" fontId="5" fillId="0" borderId="8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25"/>
  <sheetViews>
    <sheetView tabSelected="1" zoomScaleNormal="100" workbookViewId="0">
      <pane xSplit="2" ySplit="3" topLeftCell="C4" activePane="bottomRight" state="frozen"/>
      <selection pane="topRight" activeCell="C1" sqref="C1"/>
      <selection pane="bottomLeft" activeCell="A18" sqref="A18"/>
      <selection pane="bottomRight"/>
    </sheetView>
  </sheetViews>
  <sheetFormatPr defaultRowHeight="14.25" customHeight="1"/>
  <cols>
    <col min="1" max="1" width="8" style="18" customWidth="1"/>
    <col min="2" max="2" width="5.875" style="18" customWidth="1"/>
    <col min="3" max="13" width="6.625" style="19" customWidth="1"/>
    <col min="14" max="16" width="6.75" style="19" customWidth="1"/>
    <col min="17" max="17" width="8.25" style="19" bestFit="1" customWidth="1"/>
    <col min="18" max="25" width="6.75" style="19" customWidth="1"/>
    <col min="26" max="16384" width="9" style="19"/>
  </cols>
  <sheetData>
    <row r="1" spans="1:25" ht="21" customHeight="1">
      <c r="A1" s="1" t="s">
        <v>13</v>
      </c>
      <c r="H1" s="6" t="s">
        <v>6</v>
      </c>
      <c r="Y1" s="7" t="s">
        <v>12</v>
      </c>
    </row>
    <row r="2" spans="1:25" ht="14.25" customHeight="1">
      <c r="A2" s="27" t="s">
        <v>16</v>
      </c>
      <c r="B2" s="28"/>
      <c r="C2" s="25" t="s">
        <v>8</v>
      </c>
      <c r="D2" s="25"/>
      <c r="E2" s="25"/>
      <c r="F2" s="25" t="s">
        <v>9</v>
      </c>
      <c r="G2" s="25"/>
      <c r="H2" s="25"/>
      <c r="I2" s="25"/>
      <c r="J2" s="25" t="s">
        <v>10</v>
      </c>
      <c r="K2" s="25"/>
      <c r="L2" s="25"/>
      <c r="M2" s="26"/>
      <c r="N2" s="25" t="s">
        <v>11</v>
      </c>
      <c r="O2" s="25"/>
      <c r="P2" s="25"/>
      <c r="Q2" s="25"/>
      <c r="R2" s="25" t="s">
        <v>14</v>
      </c>
      <c r="S2" s="25"/>
      <c r="T2" s="25"/>
      <c r="U2" s="25"/>
      <c r="V2" s="25" t="s">
        <v>15</v>
      </c>
      <c r="W2" s="25"/>
      <c r="X2" s="25"/>
      <c r="Y2" s="26"/>
    </row>
    <row r="3" spans="1:25" ht="14.25" customHeight="1">
      <c r="A3" s="29"/>
      <c r="B3" s="30"/>
      <c r="C3" s="3" t="s">
        <v>5</v>
      </c>
      <c r="D3" s="3" t="s">
        <v>2</v>
      </c>
      <c r="E3" s="3" t="s">
        <v>3</v>
      </c>
      <c r="F3" s="3" t="s">
        <v>5</v>
      </c>
      <c r="G3" s="3" t="s">
        <v>2</v>
      </c>
      <c r="H3" s="3" t="s">
        <v>3</v>
      </c>
      <c r="I3" s="3" t="s">
        <v>7</v>
      </c>
      <c r="J3" s="3" t="s">
        <v>5</v>
      </c>
      <c r="K3" s="3" t="s">
        <v>2</v>
      </c>
      <c r="L3" s="3" t="s">
        <v>3</v>
      </c>
      <c r="M3" s="3" t="s">
        <v>7</v>
      </c>
      <c r="N3" s="2" t="s">
        <v>5</v>
      </c>
      <c r="O3" s="3" t="s">
        <v>2</v>
      </c>
      <c r="P3" s="3" t="s">
        <v>3</v>
      </c>
      <c r="Q3" s="3" t="s">
        <v>7</v>
      </c>
      <c r="R3" s="3" t="s">
        <v>5</v>
      </c>
      <c r="S3" s="3" t="s">
        <v>2</v>
      </c>
      <c r="T3" s="3" t="s">
        <v>3</v>
      </c>
      <c r="U3" s="3" t="s">
        <v>7</v>
      </c>
      <c r="V3" s="3" t="s">
        <v>5</v>
      </c>
      <c r="W3" s="3" t="s">
        <v>2</v>
      </c>
      <c r="X3" s="3" t="s">
        <v>3</v>
      </c>
      <c r="Y3" s="4" t="s">
        <v>7</v>
      </c>
    </row>
    <row r="4" spans="1:25" ht="21" customHeight="1">
      <c r="A4" s="24" t="s">
        <v>17</v>
      </c>
      <c r="B4" s="24"/>
      <c r="C4" s="8">
        <v>1295</v>
      </c>
      <c r="D4" s="8">
        <v>662</v>
      </c>
      <c r="E4" s="8">
        <v>633</v>
      </c>
      <c r="F4" s="8">
        <v>1273</v>
      </c>
      <c r="G4" s="8">
        <v>652</v>
      </c>
      <c r="H4" s="8">
        <v>621</v>
      </c>
      <c r="I4" s="11">
        <f t="shared" ref="I4:I18" si="0">F4/C4*100</f>
        <v>98.301158301158296</v>
      </c>
      <c r="J4" s="8">
        <v>2</v>
      </c>
      <c r="K4" s="8">
        <v>1</v>
      </c>
      <c r="L4" s="8">
        <v>1</v>
      </c>
      <c r="M4" s="9">
        <f>J4/C4*100</f>
        <v>0.15444015444015444</v>
      </c>
      <c r="N4" s="8">
        <v>6</v>
      </c>
      <c r="O4" s="8">
        <v>1</v>
      </c>
      <c r="P4" s="8">
        <v>5</v>
      </c>
      <c r="Q4" s="14">
        <f t="shared" ref="Q4:Q11" si="1">N4/C4*100</f>
        <v>0.46332046332046328</v>
      </c>
      <c r="R4" s="8">
        <v>14</v>
      </c>
      <c r="S4" s="8">
        <v>8</v>
      </c>
      <c r="T4" s="8">
        <v>6</v>
      </c>
      <c r="U4" s="16">
        <f t="shared" ref="U4:U13" si="2">R4/C4*100</f>
        <v>1.0810810810810811</v>
      </c>
      <c r="V4" s="8">
        <v>0</v>
      </c>
      <c r="W4" s="8">
        <v>0</v>
      </c>
      <c r="X4" s="8">
        <v>0</v>
      </c>
      <c r="Y4" s="16">
        <f t="shared" ref="Y4:Y13" si="3">V4/C4*100</f>
        <v>0</v>
      </c>
    </row>
    <row r="5" spans="1:25" ht="21" customHeight="1">
      <c r="A5" s="24">
        <v>15</v>
      </c>
      <c r="B5" s="24"/>
      <c r="C5" s="8">
        <v>1248</v>
      </c>
      <c r="D5" s="8">
        <v>649</v>
      </c>
      <c r="E5" s="8">
        <v>599</v>
      </c>
      <c r="F5" s="8">
        <v>1227</v>
      </c>
      <c r="G5" s="8">
        <v>639</v>
      </c>
      <c r="H5" s="8">
        <v>588</v>
      </c>
      <c r="I5" s="11">
        <f t="shared" si="0"/>
        <v>98.317307692307693</v>
      </c>
      <c r="J5" s="8">
        <v>1</v>
      </c>
      <c r="K5" s="8">
        <v>1</v>
      </c>
      <c r="L5" s="8">
        <v>0</v>
      </c>
      <c r="M5" s="9">
        <f t="shared" ref="M5:M13" si="4">J5/C5*100</f>
        <v>8.0128205128205121E-2</v>
      </c>
      <c r="N5" s="8">
        <v>7</v>
      </c>
      <c r="O5" s="8">
        <v>3</v>
      </c>
      <c r="P5" s="8">
        <v>4</v>
      </c>
      <c r="Q5" s="14">
        <f t="shared" si="1"/>
        <v>0.5608974358974359</v>
      </c>
      <c r="R5" s="8">
        <v>12</v>
      </c>
      <c r="S5" s="8">
        <v>5</v>
      </c>
      <c r="T5" s="8">
        <v>7</v>
      </c>
      <c r="U5" s="16">
        <f t="shared" si="2"/>
        <v>0.96153846153846156</v>
      </c>
      <c r="V5" s="8">
        <v>0</v>
      </c>
      <c r="W5" s="8">
        <v>0</v>
      </c>
      <c r="X5" s="8">
        <v>0</v>
      </c>
      <c r="Y5" s="16">
        <f t="shared" si="3"/>
        <v>0</v>
      </c>
    </row>
    <row r="6" spans="1:25" ht="21" customHeight="1">
      <c r="A6" s="24">
        <v>16</v>
      </c>
      <c r="B6" s="24"/>
      <c r="C6" s="8">
        <v>1190</v>
      </c>
      <c r="D6" s="8">
        <v>597</v>
      </c>
      <c r="E6" s="8">
        <v>593</v>
      </c>
      <c r="F6" s="8">
        <v>1164</v>
      </c>
      <c r="G6" s="8">
        <v>581</v>
      </c>
      <c r="H6" s="8">
        <v>583</v>
      </c>
      <c r="I6" s="11">
        <f t="shared" si="0"/>
        <v>97.815126050420162</v>
      </c>
      <c r="J6" s="8">
        <v>2</v>
      </c>
      <c r="K6" s="8">
        <v>2</v>
      </c>
      <c r="L6" s="8">
        <v>0</v>
      </c>
      <c r="M6" s="9">
        <f t="shared" si="4"/>
        <v>0.16806722689075632</v>
      </c>
      <c r="N6" s="8">
        <v>10</v>
      </c>
      <c r="O6" s="8">
        <v>8</v>
      </c>
      <c r="P6" s="8">
        <v>2</v>
      </c>
      <c r="Q6" s="14">
        <f t="shared" si="1"/>
        <v>0.84033613445378152</v>
      </c>
      <c r="R6" s="8">
        <v>13</v>
      </c>
      <c r="S6" s="8">
        <v>6</v>
      </c>
      <c r="T6" s="8">
        <v>7</v>
      </c>
      <c r="U6" s="16">
        <f t="shared" si="2"/>
        <v>1.0924369747899159</v>
      </c>
      <c r="V6" s="8">
        <v>0</v>
      </c>
      <c r="W6" s="8">
        <v>0</v>
      </c>
      <c r="X6" s="8">
        <v>0</v>
      </c>
      <c r="Y6" s="16">
        <f t="shared" si="3"/>
        <v>0</v>
      </c>
    </row>
    <row r="7" spans="1:25" ht="21" customHeight="1">
      <c r="A7" s="24">
        <v>17</v>
      </c>
      <c r="B7" s="24"/>
      <c r="C7" s="8">
        <v>1164</v>
      </c>
      <c r="D7" s="8">
        <v>630</v>
      </c>
      <c r="E7" s="8">
        <v>534</v>
      </c>
      <c r="F7" s="8">
        <v>1140</v>
      </c>
      <c r="G7" s="8">
        <v>613</v>
      </c>
      <c r="H7" s="8">
        <v>527</v>
      </c>
      <c r="I7" s="11">
        <f t="shared" si="0"/>
        <v>97.9381443298969</v>
      </c>
      <c r="J7" s="8">
        <v>0</v>
      </c>
      <c r="K7" s="8">
        <v>0</v>
      </c>
      <c r="L7" s="8">
        <v>0</v>
      </c>
      <c r="M7" s="9">
        <f t="shared" si="4"/>
        <v>0</v>
      </c>
      <c r="N7" s="8">
        <v>6</v>
      </c>
      <c r="O7" s="8">
        <v>6</v>
      </c>
      <c r="P7" s="8">
        <v>0</v>
      </c>
      <c r="Q7" s="14">
        <f t="shared" si="1"/>
        <v>0.51546391752577314</v>
      </c>
      <c r="R7" s="8">
        <v>18</v>
      </c>
      <c r="S7" s="8">
        <v>11</v>
      </c>
      <c r="T7" s="8">
        <v>7</v>
      </c>
      <c r="U7" s="16">
        <f t="shared" si="2"/>
        <v>1.5463917525773196</v>
      </c>
      <c r="V7" s="8">
        <v>0</v>
      </c>
      <c r="W7" s="8">
        <v>0</v>
      </c>
      <c r="X7" s="8">
        <v>0</v>
      </c>
      <c r="Y7" s="16">
        <f t="shared" si="3"/>
        <v>0</v>
      </c>
    </row>
    <row r="8" spans="1:25" ht="21" customHeight="1">
      <c r="A8" s="24">
        <v>18</v>
      </c>
      <c r="B8" s="24"/>
      <c r="C8" s="8">
        <v>1132</v>
      </c>
      <c r="D8" s="8">
        <v>550</v>
      </c>
      <c r="E8" s="8">
        <v>582</v>
      </c>
      <c r="F8" s="8">
        <v>1116</v>
      </c>
      <c r="G8" s="8">
        <v>548</v>
      </c>
      <c r="H8" s="8">
        <v>568</v>
      </c>
      <c r="I8" s="11">
        <f t="shared" si="0"/>
        <v>98.586572438162548</v>
      </c>
      <c r="J8" s="8">
        <v>1</v>
      </c>
      <c r="K8" s="8">
        <v>0</v>
      </c>
      <c r="L8" s="8">
        <v>1</v>
      </c>
      <c r="M8" s="9">
        <f t="shared" si="4"/>
        <v>8.8339222614840993E-2</v>
      </c>
      <c r="N8" s="8">
        <v>1</v>
      </c>
      <c r="O8" s="8">
        <v>0</v>
      </c>
      <c r="P8" s="8">
        <v>1</v>
      </c>
      <c r="Q8" s="14">
        <f t="shared" si="1"/>
        <v>8.8339222614840993E-2</v>
      </c>
      <c r="R8" s="8">
        <v>14</v>
      </c>
      <c r="S8" s="8">
        <v>2</v>
      </c>
      <c r="T8" s="8">
        <v>12</v>
      </c>
      <c r="U8" s="16">
        <f t="shared" si="2"/>
        <v>1.2367491166077738</v>
      </c>
      <c r="V8" s="8">
        <v>0</v>
      </c>
      <c r="W8" s="8">
        <v>0</v>
      </c>
      <c r="X8" s="8">
        <v>0</v>
      </c>
      <c r="Y8" s="16">
        <f t="shared" si="3"/>
        <v>0</v>
      </c>
    </row>
    <row r="9" spans="1:25" ht="21" customHeight="1">
      <c r="A9" s="24">
        <v>19</v>
      </c>
      <c r="B9" s="24"/>
      <c r="C9" s="8">
        <v>1124</v>
      </c>
      <c r="D9" s="8">
        <v>562</v>
      </c>
      <c r="E9" s="8">
        <v>562</v>
      </c>
      <c r="F9" s="8">
        <v>1112</v>
      </c>
      <c r="G9" s="8">
        <v>555</v>
      </c>
      <c r="H9" s="8">
        <v>557</v>
      </c>
      <c r="I9" s="11">
        <f t="shared" si="0"/>
        <v>98.932384341637018</v>
      </c>
      <c r="J9" s="8">
        <v>1</v>
      </c>
      <c r="K9" s="8">
        <v>0</v>
      </c>
      <c r="L9" s="8">
        <v>1</v>
      </c>
      <c r="M9" s="9">
        <f t="shared" si="4"/>
        <v>8.8967971530249101E-2</v>
      </c>
      <c r="N9" s="8">
        <v>4</v>
      </c>
      <c r="O9" s="8">
        <v>3</v>
      </c>
      <c r="P9" s="8">
        <v>1</v>
      </c>
      <c r="Q9" s="14">
        <f t="shared" si="1"/>
        <v>0.35587188612099641</v>
      </c>
      <c r="R9" s="8">
        <v>7</v>
      </c>
      <c r="S9" s="8">
        <v>4</v>
      </c>
      <c r="T9" s="8">
        <v>3</v>
      </c>
      <c r="U9" s="16">
        <f t="shared" si="2"/>
        <v>0.62277580071174377</v>
      </c>
      <c r="V9" s="8">
        <v>0</v>
      </c>
      <c r="W9" s="8">
        <v>0</v>
      </c>
      <c r="X9" s="8">
        <v>0</v>
      </c>
      <c r="Y9" s="16">
        <f t="shared" si="3"/>
        <v>0</v>
      </c>
    </row>
    <row r="10" spans="1:25" ht="21" customHeight="1">
      <c r="A10" s="24">
        <v>20</v>
      </c>
      <c r="B10" s="24"/>
      <c r="C10" s="8">
        <v>1145</v>
      </c>
      <c r="D10" s="8">
        <v>588</v>
      </c>
      <c r="E10" s="8">
        <v>557</v>
      </c>
      <c r="F10" s="8">
        <v>1126</v>
      </c>
      <c r="G10" s="8">
        <v>579</v>
      </c>
      <c r="H10" s="8">
        <v>547</v>
      </c>
      <c r="I10" s="11">
        <f t="shared" si="0"/>
        <v>98.340611353711793</v>
      </c>
      <c r="J10" s="8">
        <v>0</v>
      </c>
      <c r="K10" s="8">
        <v>0</v>
      </c>
      <c r="L10" s="8">
        <v>0</v>
      </c>
      <c r="M10" s="9">
        <v>0</v>
      </c>
      <c r="N10" s="8">
        <v>6</v>
      </c>
      <c r="O10" s="8">
        <v>4</v>
      </c>
      <c r="P10" s="8">
        <v>2</v>
      </c>
      <c r="Q10" s="14">
        <f t="shared" si="1"/>
        <v>0.5240174672489083</v>
      </c>
      <c r="R10" s="8">
        <v>9</v>
      </c>
      <c r="S10" s="8">
        <v>5</v>
      </c>
      <c r="T10" s="8">
        <v>4</v>
      </c>
      <c r="U10" s="16">
        <f t="shared" si="2"/>
        <v>0.7860262008733625</v>
      </c>
      <c r="V10" s="8">
        <v>4</v>
      </c>
      <c r="W10" s="8">
        <v>0</v>
      </c>
      <c r="X10" s="8">
        <v>4</v>
      </c>
      <c r="Y10" s="16">
        <f t="shared" si="3"/>
        <v>0.34934497816593885</v>
      </c>
    </row>
    <row r="11" spans="1:25" s="17" customFormat="1" ht="21" customHeight="1">
      <c r="A11" s="24">
        <v>21</v>
      </c>
      <c r="B11" s="24"/>
      <c r="C11" s="20">
        <v>1103</v>
      </c>
      <c r="D11" s="20">
        <v>594</v>
      </c>
      <c r="E11" s="20">
        <v>509</v>
      </c>
      <c r="F11" s="20">
        <v>1091</v>
      </c>
      <c r="G11" s="20">
        <v>587</v>
      </c>
      <c r="H11" s="20">
        <v>504</v>
      </c>
      <c r="I11" s="14">
        <f t="shared" si="0"/>
        <v>98.912058023572087</v>
      </c>
      <c r="J11" s="15">
        <v>0</v>
      </c>
      <c r="K11" s="15">
        <v>0</v>
      </c>
      <c r="L11" s="15">
        <v>0</v>
      </c>
      <c r="M11" s="9">
        <v>0</v>
      </c>
      <c r="N11" s="15">
        <v>2</v>
      </c>
      <c r="O11" s="13">
        <v>2</v>
      </c>
      <c r="P11" s="15">
        <v>0</v>
      </c>
      <c r="Q11" s="14">
        <f t="shared" si="1"/>
        <v>0.18132366273798731</v>
      </c>
      <c r="R11" s="15">
        <v>10</v>
      </c>
      <c r="S11" s="13">
        <v>5</v>
      </c>
      <c r="T11" s="13">
        <v>5</v>
      </c>
      <c r="U11" s="16">
        <f t="shared" si="2"/>
        <v>0.90661831368993651</v>
      </c>
      <c r="V11" s="15">
        <v>0</v>
      </c>
      <c r="W11" s="15">
        <v>0</v>
      </c>
      <c r="X11" s="15">
        <v>0</v>
      </c>
      <c r="Y11" s="16">
        <f t="shared" si="3"/>
        <v>0</v>
      </c>
    </row>
    <row r="12" spans="1:25" s="12" customFormat="1" ht="21" customHeight="1">
      <c r="A12" s="24">
        <v>22</v>
      </c>
      <c r="B12" s="24"/>
      <c r="C12" s="20">
        <v>1128</v>
      </c>
      <c r="D12" s="20">
        <v>599</v>
      </c>
      <c r="E12" s="20">
        <v>529</v>
      </c>
      <c r="F12" s="20">
        <v>1106</v>
      </c>
      <c r="G12" s="20">
        <v>586</v>
      </c>
      <c r="H12" s="20">
        <v>520</v>
      </c>
      <c r="I12" s="14">
        <f t="shared" si="0"/>
        <v>98.049645390070921</v>
      </c>
      <c r="J12" s="15">
        <v>0</v>
      </c>
      <c r="K12" s="15">
        <v>0</v>
      </c>
      <c r="L12" s="15">
        <v>0</v>
      </c>
      <c r="M12" s="9">
        <v>0</v>
      </c>
      <c r="N12" s="15">
        <v>1</v>
      </c>
      <c r="O12" s="13">
        <v>1</v>
      </c>
      <c r="P12" s="15">
        <v>0</v>
      </c>
      <c r="Q12" s="14">
        <f t="shared" ref="Q12:Q18" si="5">N12/C12*100</f>
        <v>8.8652482269503549E-2</v>
      </c>
      <c r="R12" s="15">
        <v>21</v>
      </c>
      <c r="S12" s="13">
        <v>12</v>
      </c>
      <c r="T12" s="13">
        <v>9</v>
      </c>
      <c r="U12" s="16">
        <f t="shared" si="2"/>
        <v>1.8617021276595744</v>
      </c>
      <c r="V12" s="15">
        <v>0</v>
      </c>
      <c r="W12" s="15">
        <v>0</v>
      </c>
      <c r="X12" s="15">
        <v>0</v>
      </c>
      <c r="Y12" s="16">
        <f t="shared" si="3"/>
        <v>0</v>
      </c>
    </row>
    <row r="13" spans="1:25" s="12" customFormat="1" ht="21" customHeight="1">
      <c r="A13" s="24">
        <v>23</v>
      </c>
      <c r="B13" s="24"/>
      <c r="C13" s="20">
        <v>1125</v>
      </c>
      <c r="D13" s="20">
        <v>527</v>
      </c>
      <c r="E13" s="20">
        <v>598</v>
      </c>
      <c r="F13" s="20">
        <v>1113</v>
      </c>
      <c r="G13" s="20">
        <v>520</v>
      </c>
      <c r="H13" s="20">
        <v>593</v>
      </c>
      <c r="I13" s="14">
        <f t="shared" si="0"/>
        <v>98.933333333333323</v>
      </c>
      <c r="J13" s="15">
        <v>2</v>
      </c>
      <c r="K13" s="15">
        <v>0</v>
      </c>
      <c r="L13" s="15">
        <v>2</v>
      </c>
      <c r="M13" s="9">
        <f t="shared" si="4"/>
        <v>0.17777777777777778</v>
      </c>
      <c r="N13" s="15">
        <v>3</v>
      </c>
      <c r="O13" s="13">
        <v>2</v>
      </c>
      <c r="P13" s="15">
        <v>1</v>
      </c>
      <c r="Q13" s="14">
        <f t="shared" si="5"/>
        <v>0.26666666666666666</v>
      </c>
      <c r="R13" s="15">
        <v>7</v>
      </c>
      <c r="S13" s="13">
        <v>5</v>
      </c>
      <c r="T13" s="13">
        <v>2</v>
      </c>
      <c r="U13" s="16">
        <f t="shared" si="2"/>
        <v>0.62222222222222223</v>
      </c>
      <c r="V13" s="15">
        <v>0</v>
      </c>
      <c r="W13" s="15">
        <v>0</v>
      </c>
      <c r="X13" s="15">
        <v>0</v>
      </c>
      <c r="Y13" s="16">
        <f t="shared" si="3"/>
        <v>0</v>
      </c>
    </row>
    <row r="14" spans="1:25" s="12" customFormat="1" ht="21" customHeight="1">
      <c r="A14" s="24">
        <v>24</v>
      </c>
      <c r="B14" s="24"/>
      <c r="C14" s="20">
        <v>1160</v>
      </c>
      <c r="D14" s="20">
        <v>599</v>
      </c>
      <c r="E14" s="20">
        <v>561</v>
      </c>
      <c r="F14" s="20">
        <v>1149</v>
      </c>
      <c r="G14" s="20">
        <v>593</v>
      </c>
      <c r="H14" s="20">
        <v>556</v>
      </c>
      <c r="I14" s="14">
        <f t="shared" si="0"/>
        <v>99.051724137931032</v>
      </c>
      <c r="J14" s="15">
        <v>1</v>
      </c>
      <c r="K14" s="15">
        <v>0</v>
      </c>
      <c r="L14" s="15">
        <v>1</v>
      </c>
      <c r="M14" s="9">
        <f t="shared" ref="M14:M20" si="6">J14/C14*100</f>
        <v>8.6206896551724144E-2</v>
      </c>
      <c r="N14" s="15">
        <v>1</v>
      </c>
      <c r="O14" s="13">
        <v>1</v>
      </c>
      <c r="P14" s="15">
        <v>0</v>
      </c>
      <c r="Q14" s="14">
        <f t="shared" si="5"/>
        <v>8.6206896551724144E-2</v>
      </c>
      <c r="R14" s="15">
        <v>9</v>
      </c>
      <c r="S14" s="13">
        <v>5</v>
      </c>
      <c r="T14" s="13">
        <v>4</v>
      </c>
      <c r="U14" s="16">
        <f t="shared" ref="U14:U20" si="7">R14/C14*100</f>
        <v>0.77586206896551724</v>
      </c>
      <c r="V14" s="15">
        <v>0</v>
      </c>
      <c r="W14" s="15">
        <v>0</v>
      </c>
      <c r="X14" s="15">
        <v>0</v>
      </c>
      <c r="Y14" s="16">
        <f t="shared" ref="Y14:Y20" si="8">V14/C14*100</f>
        <v>0</v>
      </c>
    </row>
    <row r="15" spans="1:25" s="12" customFormat="1" ht="21" customHeight="1">
      <c r="A15" s="24">
        <v>25</v>
      </c>
      <c r="B15" s="24"/>
      <c r="C15" s="20">
        <v>1107</v>
      </c>
      <c r="D15" s="20">
        <v>601</v>
      </c>
      <c r="E15" s="20">
        <v>506</v>
      </c>
      <c r="F15" s="20">
        <v>1097</v>
      </c>
      <c r="G15" s="20">
        <v>594</v>
      </c>
      <c r="H15" s="20">
        <v>503</v>
      </c>
      <c r="I15" s="14">
        <f t="shared" si="0"/>
        <v>99.096657633242998</v>
      </c>
      <c r="J15" s="15">
        <v>0</v>
      </c>
      <c r="K15" s="15">
        <v>0</v>
      </c>
      <c r="L15" s="15">
        <v>0</v>
      </c>
      <c r="M15" s="9">
        <f t="shared" si="6"/>
        <v>0</v>
      </c>
      <c r="N15" s="15">
        <v>3</v>
      </c>
      <c r="O15" s="13">
        <v>3</v>
      </c>
      <c r="P15" s="15">
        <v>0</v>
      </c>
      <c r="Q15" s="14">
        <f t="shared" si="5"/>
        <v>0.27100271002710025</v>
      </c>
      <c r="R15" s="15">
        <v>7</v>
      </c>
      <c r="S15" s="13">
        <v>4</v>
      </c>
      <c r="T15" s="13">
        <v>3</v>
      </c>
      <c r="U15" s="16">
        <f t="shared" si="7"/>
        <v>0.63233965672990067</v>
      </c>
      <c r="V15" s="15">
        <v>0</v>
      </c>
      <c r="W15" s="15">
        <v>0</v>
      </c>
      <c r="X15" s="15">
        <v>0</v>
      </c>
      <c r="Y15" s="16">
        <f t="shared" si="8"/>
        <v>0</v>
      </c>
    </row>
    <row r="16" spans="1:25" s="12" customFormat="1" ht="21" customHeight="1">
      <c r="A16" s="24">
        <v>26</v>
      </c>
      <c r="B16" s="24"/>
      <c r="C16" s="20">
        <v>1148</v>
      </c>
      <c r="D16" s="20">
        <v>606</v>
      </c>
      <c r="E16" s="20">
        <v>542</v>
      </c>
      <c r="F16" s="20">
        <v>1137</v>
      </c>
      <c r="G16" s="20">
        <v>600</v>
      </c>
      <c r="H16" s="20">
        <v>537</v>
      </c>
      <c r="I16" s="14">
        <f t="shared" si="0"/>
        <v>99.041811846689896</v>
      </c>
      <c r="J16" s="15">
        <v>0</v>
      </c>
      <c r="K16" s="15">
        <v>0</v>
      </c>
      <c r="L16" s="15">
        <v>0</v>
      </c>
      <c r="M16" s="9">
        <f t="shared" si="6"/>
        <v>0</v>
      </c>
      <c r="N16" s="15">
        <v>10</v>
      </c>
      <c r="O16" s="13">
        <v>6</v>
      </c>
      <c r="P16" s="15">
        <v>4</v>
      </c>
      <c r="Q16" s="14">
        <f t="shared" si="5"/>
        <v>0.87108013937282225</v>
      </c>
      <c r="R16" s="15">
        <v>0</v>
      </c>
      <c r="S16" s="13">
        <v>0</v>
      </c>
      <c r="T16" s="13">
        <v>0</v>
      </c>
      <c r="U16" s="16">
        <f t="shared" si="7"/>
        <v>0</v>
      </c>
      <c r="V16" s="15">
        <v>0</v>
      </c>
      <c r="W16" s="15">
        <v>0</v>
      </c>
      <c r="X16" s="15">
        <v>0</v>
      </c>
      <c r="Y16" s="16">
        <f t="shared" si="8"/>
        <v>0</v>
      </c>
    </row>
    <row r="17" spans="1:25" s="12" customFormat="1" ht="21" customHeight="1">
      <c r="A17" s="24">
        <v>27</v>
      </c>
      <c r="B17" s="24"/>
      <c r="C17" s="20">
        <v>1100</v>
      </c>
      <c r="D17" s="20">
        <v>558</v>
      </c>
      <c r="E17" s="20">
        <v>542</v>
      </c>
      <c r="F17" s="20">
        <v>1094</v>
      </c>
      <c r="G17" s="20">
        <v>555</v>
      </c>
      <c r="H17" s="20">
        <v>539</v>
      </c>
      <c r="I17" s="14">
        <f t="shared" si="0"/>
        <v>99.454545454545453</v>
      </c>
      <c r="J17" s="15">
        <v>0</v>
      </c>
      <c r="K17" s="15">
        <v>0</v>
      </c>
      <c r="L17" s="15">
        <v>0</v>
      </c>
      <c r="M17" s="9">
        <f t="shared" si="6"/>
        <v>0</v>
      </c>
      <c r="N17" s="15">
        <v>1</v>
      </c>
      <c r="O17" s="13">
        <v>1</v>
      </c>
      <c r="P17" s="15">
        <v>0</v>
      </c>
      <c r="Q17" s="14">
        <f t="shared" si="5"/>
        <v>9.0909090909090912E-2</v>
      </c>
      <c r="R17" s="15">
        <v>3</v>
      </c>
      <c r="S17" s="13">
        <v>1</v>
      </c>
      <c r="T17" s="13">
        <v>2</v>
      </c>
      <c r="U17" s="16">
        <f t="shared" si="7"/>
        <v>0.27272727272727276</v>
      </c>
      <c r="V17" s="15">
        <v>1</v>
      </c>
      <c r="W17" s="15">
        <v>1</v>
      </c>
      <c r="X17" s="15">
        <v>0</v>
      </c>
      <c r="Y17" s="16">
        <f t="shared" si="8"/>
        <v>9.0909090909090912E-2</v>
      </c>
    </row>
    <row r="18" spans="1:25" s="12" customFormat="1" ht="21" customHeight="1">
      <c r="A18" s="24">
        <v>28</v>
      </c>
      <c r="B18" s="24"/>
      <c r="C18" s="20">
        <v>1010</v>
      </c>
      <c r="D18" s="20">
        <v>522</v>
      </c>
      <c r="E18" s="20">
        <v>488</v>
      </c>
      <c r="F18" s="20">
        <v>998</v>
      </c>
      <c r="G18" s="20">
        <v>513</v>
      </c>
      <c r="H18" s="20">
        <v>485</v>
      </c>
      <c r="I18" s="14">
        <f t="shared" si="0"/>
        <v>98.811881188118804</v>
      </c>
      <c r="J18" s="15">
        <v>1</v>
      </c>
      <c r="K18" s="15">
        <v>0</v>
      </c>
      <c r="L18" s="15">
        <v>1</v>
      </c>
      <c r="M18" s="9">
        <f t="shared" si="6"/>
        <v>9.9009900990099015E-2</v>
      </c>
      <c r="N18" s="15">
        <v>1</v>
      </c>
      <c r="O18" s="13">
        <v>1</v>
      </c>
      <c r="P18" s="15">
        <v>0</v>
      </c>
      <c r="Q18" s="14">
        <f t="shared" si="5"/>
        <v>9.9009900990099015E-2</v>
      </c>
      <c r="R18" s="15">
        <v>10</v>
      </c>
      <c r="S18" s="13">
        <v>8</v>
      </c>
      <c r="T18" s="13">
        <v>2</v>
      </c>
      <c r="U18" s="16">
        <f t="shared" si="7"/>
        <v>0.99009900990099009</v>
      </c>
      <c r="V18" s="15">
        <v>0</v>
      </c>
      <c r="W18" s="15">
        <v>0</v>
      </c>
      <c r="X18" s="15">
        <v>0</v>
      </c>
      <c r="Y18" s="16">
        <f t="shared" si="8"/>
        <v>0</v>
      </c>
    </row>
    <row r="19" spans="1:25" s="12" customFormat="1" ht="21" customHeight="1">
      <c r="A19" s="24">
        <v>29</v>
      </c>
      <c r="B19" s="24"/>
      <c r="C19" s="20">
        <v>1057</v>
      </c>
      <c r="D19" s="20">
        <v>540</v>
      </c>
      <c r="E19" s="20">
        <v>517</v>
      </c>
      <c r="F19" s="20">
        <v>1053</v>
      </c>
      <c r="G19" s="20">
        <v>538</v>
      </c>
      <c r="H19" s="20">
        <v>515</v>
      </c>
      <c r="I19" s="14">
        <f>F19/C19*100</f>
        <v>99.621570482497631</v>
      </c>
      <c r="J19" s="15">
        <v>1</v>
      </c>
      <c r="K19" s="15">
        <v>1</v>
      </c>
      <c r="L19" s="15">
        <v>0</v>
      </c>
      <c r="M19" s="9">
        <f>J19/C19*100</f>
        <v>9.46073793755913E-2</v>
      </c>
      <c r="N19" s="15">
        <v>0</v>
      </c>
      <c r="O19" s="13">
        <v>0</v>
      </c>
      <c r="P19" s="15">
        <v>0</v>
      </c>
      <c r="Q19" s="14">
        <f>N19/C19*100</f>
        <v>0</v>
      </c>
      <c r="R19" s="15">
        <v>3</v>
      </c>
      <c r="S19" s="13">
        <v>1</v>
      </c>
      <c r="T19" s="13">
        <v>2</v>
      </c>
      <c r="U19" s="16">
        <f>R19/C19*100</f>
        <v>0.28382213812677387</v>
      </c>
      <c r="V19" s="15">
        <v>0</v>
      </c>
      <c r="W19" s="15">
        <v>0</v>
      </c>
      <c r="X19" s="15">
        <v>0</v>
      </c>
      <c r="Y19" s="16">
        <f>V19/C19*100</f>
        <v>0</v>
      </c>
    </row>
    <row r="20" spans="1:25" s="12" customFormat="1" ht="21" customHeight="1">
      <c r="A20" s="24">
        <v>30</v>
      </c>
      <c r="B20" s="24"/>
      <c r="C20" s="20">
        <v>983</v>
      </c>
      <c r="D20" s="20">
        <v>506</v>
      </c>
      <c r="E20" s="20">
        <v>477</v>
      </c>
      <c r="F20" s="20">
        <v>977</v>
      </c>
      <c r="G20" s="20">
        <v>500</v>
      </c>
      <c r="H20" s="20">
        <v>477</v>
      </c>
      <c r="I20" s="14">
        <f>F20/C20*100</f>
        <v>99.389623601220762</v>
      </c>
      <c r="J20" s="15">
        <v>0</v>
      </c>
      <c r="K20" s="15">
        <v>0</v>
      </c>
      <c r="L20" s="15">
        <v>0</v>
      </c>
      <c r="M20" s="9">
        <f t="shared" si="6"/>
        <v>0</v>
      </c>
      <c r="N20" s="15">
        <v>0</v>
      </c>
      <c r="O20" s="13">
        <v>0</v>
      </c>
      <c r="P20" s="15">
        <v>0</v>
      </c>
      <c r="Q20" s="14">
        <f>N20/C20*100</f>
        <v>0</v>
      </c>
      <c r="R20" s="15">
        <v>6</v>
      </c>
      <c r="S20" s="13">
        <v>6</v>
      </c>
      <c r="T20" s="13">
        <v>0</v>
      </c>
      <c r="U20" s="16">
        <f t="shared" si="7"/>
        <v>0.61037639877924721</v>
      </c>
      <c r="V20" s="15">
        <v>0</v>
      </c>
      <c r="W20" s="15">
        <v>0</v>
      </c>
      <c r="X20" s="15">
        <v>0</v>
      </c>
      <c r="Y20" s="16">
        <f t="shared" si="8"/>
        <v>0</v>
      </c>
    </row>
    <row r="21" spans="1:25" s="12" customFormat="1" ht="21" customHeight="1">
      <c r="A21" s="24">
        <v>31</v>
      </c>
      <c r="B21" s="24"/>
      <c r="C21" s="20">
        <v>1047</v>
      </c>
      <c r="D21" s="20">
        <v>550</v>
      </c>
      <c r="E21" s="20">
        <v>497</v>
      </c>
      <c r="F21" s="20">
        <v>1035</v>
      </c>
      <c r="G21" s="20">
        <v>545</v>
      </c>
      <c r="H21" s="20">
        <v>490</v>
      </c>
      <c r="I21" s="14">
        <f>F21/C21*100</f>
        <v>98.853868194842406</v>
      </c>
      <c r="J21" s="15">
        <v>3</v>
      </c>
      <c r="K21" s="15">
        <v>2</v>
      </c>
      <c r="L21" s="15">
        <v>1</v>
      </c>
      <c r="M21" s="9">
        <f>J21/C21*100</f>
        <v>0.28653295128939826</v>
      </c>
      <c r="N21" s="15">
        <v>2</v>
      </c>
      <c r="O21" s="13">
        <v>1</v>
      </c>
      <c r="P21" s="15">
        <v>1</v>
      </c>
      <c r="Q21" s="14">
        <f>N21/C21*100</f>
        <v>0.19102196752626552</v>
      </c>
      <c r="R21" s="15">
        <v>5</v>
      </c>
      <c r="S21" s="13">
        <v>2</v>
      </c>
      <c r="T21" s="13">
        <v>3</v>
      </c>
      <c r="U21" s="16">
        <f>R21/C21*100</f>
        <v>0.47755491881566381</v>
      </c>
      <c r="V21" s="15">
        <v>2</v>
      </c>
      <c r="W21" s="15">
        <v>0</v>
      </c>
      <c r="X21" s="15">
        <v>2</v>
      </c>
      <c r="Y21" s="16">
        <f>V21/C21*100</f>
        <v>0.19102196752626552</v>
      </c>
    </row>
    <row r="22" spans="1:25" ht="13.5">
      <c r="A22" s="21"/>
      <c r="B22" s="21"/>
      <c r="C22" s="18"/>
      <c r="D22" s="18"/>
      <c r="E22" s="18"/>
      <c r="F22" s="18"/>
      <c r="G22" s="18"/>
      <c r="H22" s="23"/>
      <c r="I22" s="18"/>
      <c r="J22" s="18"/>
      <c r="K22" s="18"/>
      <c r="L22" s="18"/>
      <c r="M22" s="9"/>
      <c r="N22" s="18"/>
      <c r="O22" s="18"/>
      <c r="P22" s="18"/>
      <c r="Q22" s="10"/>
      <c r="R22" s="18"/>
      <c r="S22" s="18"/>
      <c r="T22" s="18"/>
      <c r="U22" s="9"/>
      <c r="V22" s="18"/>
      <c r="W22" s="18"/>
      <c r="X22" s="18"/>
      <c r="Y22" s="9"/>
    </row>
    <row r="23" spans="1:25" ht="14.25" customHeight="1">
      <c r="A23" s="5" t="s">
        <v>0</v>
      </c>
      <c r="B23" s="5"/>
    </row>
    <row r="24" spans="1:25" ht="14.25" customHeight="1">
      <c r="A24" s="5" t="s">
        <v>1</v>
      </c>
      <c r="B24" s="5"/>
      <c r="J24" s="22"/>
    </row>
    <row r="25" spans="1:25" ht="14.25" customHeight="1">
      <c r="A25" s="5" t="s">
        <v>4</v>
      </c>
      <c r="B25" s="5"/>
    </row>
  </sheetData>
  <mergeCells count="25">
    <mergeCell ref="A15:B15"/>
    <mergeCell ref="R2:U2"/>
    <mergeCell ref="A4:B4"/>
    <mergeCell ref="A2:B3"/>
    <mergeCell ref="A11:B11"/>
    <mergeCell ref="A10:B10"/>
    <mergeCell ref="A8:B8"/>
    <mergeCell ref="A9:B9"/>
    <mergeCell ref="A7:B7"/>
    <mergeCell ref="A6:B6"/>
    <mergeCell ref="A14:B14"/>
    <mergeCell ref="A13:B13"/>
    <mergeCell ref="A12:B12"/>
    <mergeCell ref="V2:Y2"/>
    <mergeCell ref="C2:E2"/>
    <mergeCell ref="F2:I2"/>
    <mergeCell ref="J2:M2"/>
    <mergeCell ref="N2:Q2"/>
    <mergeCell ref="A5:B5"/>
    <mergeCell ref="A21:B21"/>
    <mergeCell ref="A20:B20"/>
    <mergeCell ref="A18:B18"/>
    <mergeCell ref="A17:B17"/>
    <mergeCell ref="A16:B16"/>
    <mergeCell ref="A19:B19"/>
  </mergeCells>
  <phoneticPr fontId="2"/>
  <printOptions horizontalCentered="1"/>
  <pageMargins left="0.39370078740157483" right="0.39370078740157483" top="0.98425196850393704" bottom="0.98425196850393704" header="0.51181102362204722" footer="0.51181102362204722"/>
  <pageSetup paperSize="9" scale="8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20-7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6T03:07:50Z</cp:lastPrinted>
  <dcterms:created xsi:type="dcterms:W3CDTF">1997-01-08T22:48:59Z</dcterms:created>
  <dcterms:modified xsi:type="dcterms:W3CDTF">2021-02-06T03:07:53Z</dcterms:modified>
</cp:coreProperties>
</file>